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7\HP2007\"/>
    </mc:Choice>
  </mc:AlternateContent>
  <bookViews>
    <workbookView xWindow="0" yWindow="0" windowWidth="23040" windowHeight="8376"/>
  </bookViews>
  <sheets>
    <sheet name="jinko" sheetId="1" r:id="rId1"/>
  </sheets>
  <definedNames>
    <definedName name="_xlnm.Print_Area" localSheetId="0">jinko!$A$1:$AF$3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6" uniqueCount="32">
  <si>
    <t>富山市の人口</t>
  </si>
  <si>
    <t>住民基本台帳人口</t>
  </si>
  <si>
    <t>令和　　2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２年　　月別動態別人口）</t>
    <rPh sb="1" eb="3">
      <t>レイワ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4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8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Fill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  <xf numFmtId="180" fontId="1" fillId="0" borderId="0" xfId="0" applyNumberFormat="1" applyFont="1" applyAlignment="1" applyProtection="1">
      <alignment horizontal="right" vertical="center"/>
    </xf>
    <xf numFmtId="0" fontId="1" fillId="0" borderId="39" xfId="0" applyFont="1" applyBorder="1" applyAlignment="1">
      <alignment vertical="center"/>
    </xf>
    <xf numFmtId="180" fontId="1" fillId="0" borderId="39" xfId="0" applyNumberFormat="1" applyFont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3">
    <pageSetUpPr fitToPage="1"/>
  </sheetPr>
  <dimension ref="A1:AJ45"/>
  <sheetViews>
    <sheetView tabSelected="1" zoomScaleNormal="100" workbookViewId="0">
      <selection activeCell="M1" sqref="M1:W1"/>
    </sheetView>
  </sheetViews>
  <sheetFormatPr defaultColWidth="9" defaultRowHeight="13.2" x14ac:dyDescent="0.2"/>
  <cols>
    <col min="1" max="1" width="3.6640625" style="1" customWidth="1"/>
    <col min="2" max="7" width="5.6640625" style="2" customWidth="1"/>
    <col min="8" max="8" width="6.2187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33" width="9" style="2"/>
    <col min="34" max="36" width="0" style="2" hidden="1" customWidth="1"/>
    <col min="37" max="256" width="9" style="2"/>
    <col min="257" max="257" width="3.6640625" style="2" customWidth="1"/>
    <col min="258" max="263" width="5.6640625" style="2" customWidth="1"/>
    <col min="264" max="264" width="6.21875" style="2" customWidth="1"/>
    <col min="265" max="272" width="5.6640625" style="2" customWidth="1"/>
    <col min="273" max="273" width="6.6640625" style="2" customWidth="1"/>
    <col min="274" max="281" width="5.6640625" style="2" customWidth="1"/>
    <col min="282" max="284" width="6.6640625" style="2" customWidth="1"/>
    <col min="285" max="288" width="8.6640625" style="2" customWidth="1"/>
    <col min="289" max="512" width="9" style="2"/>
    <col min="513" max="513" width="3.6640625" style="2" customWidth="1"/>
    <col min="514" max="519" width="5.6640625" style="2" customWidth="1"/>
    <col min="520" max="520" width="6.21875" style="2" customWidth="1"/>
    <col min="521" max="528" width="5.6640625" style="2" customWidth="1"/>
    <col min="529" max="529" width="6.6640625" style="2" customWidth="1"/>
    <col min="530" max="537" width="5.6640625" style="2" customWidth="1"/>
    <col min="538" max="540" width="6.6640625" style="2" customWidth="1"/>
    <col min="541" max="544" width="8.6640625" style="2" customWidth="1"/>
    <col min="545" max="768" width="9" style="2"/>
    <col min="769" max="769" width="3.6640625" style="2" customWidth="1"/>
    <col min="770" max="775" width="5.6640625" style="2" customWidth="1"/>
    <col min="776" max="776" width="6.21875" style="2" customWidth="1"/>
    <col min="777" max="784" width="5.6640625" style="2" customWidth="1"/>
    <col min="785" max="785" width="6.6640625" style="2" customWidth="1"/>
    <col min="786" max="793" width="5.6640625" style="2" customWidth="1"/>
    <col min="794" max="796" width="6.6640625" style="2" customWidth="1"/>
    <col min="797" max="800" width="8.6640625" style="2" customWidth="1"/>
    <col min="801" max="1024" width="9" style="2"/>
    <col min="1025" max="1025" width="3.6640625" style="2" customWidth="1"/>
    <col min="1026" max="1031" width="5.6640625" style="2" customWidth="1"/>
    <col min="1032" max="1032" width="6.21875" style="2" customWidth="1"/>
    <col min="1033" max="1040" width="5.6640625" style="2" customWidth="1"/>
    <col min="1041" max="1041" width="6.6640625" style="2" customWidth="1"/>
    <col min="1042" max="1049" width="5.6640625" style="2" customWidth="1"/>
    <col min="1050" max="1052" width="6.6640625" style="2" customWidth="1"/>
    <col min="1053" max="1056" width="8.6640625" style="2" customWidth="1"/>
    <col min="1057" max="1280" width="9" style="2"/>
    <col min="1281" max="1281" width="3.6640625" style="2" customWidth="1"/>
    <col min="1282" max="1287" width="5.6640625" style="2" customWidth="1"/>
    <col min="1288" max="1288" width="6.21875" style="2" customWidth="1"/>
    <col min="1289" max="1296" width="5.6640625" style="2" customWidth="1"/>
    <col min="1297" max="1297" width="6.6640625" style="2" customWidth="1"/>
    <col min="1298" max="1305" width="5.6640625" style="2" customWidth="1"/>
    <col min="1306" max="1308" width="6.6640625" style="2" customWidth="1"/>
    <col min="1309" max="1312" width="8.6640625" style="2" customWidth="1"/>
    <col min="1313" max="1536" width="9" style="2"/>
    <col min="1537" max="1537" width="3.6640625" style="2" customWidth="1"/>
    <col min="1538" max="1543" width="5.6640625" style="2" customWidth="1"/>
    <col min="1544" max="1544" width="6.21875" style="2" customWidth="1"/>
    <col min="1545" max="1552" width="5.6640625" style="2" customWidth="1"/>
    <col min="1553" max="1553" width="6.6640625" style="2" customWidth="1"/>
    <col min="1554" max="1561" width="5.6640625" style="2" customWidth="1"/>
    <col min="1562" max="1564" width="6.6640625" style="2" customWidth="1"/>
    <col min="1565" max="1568" width="8.6640625" style="2" customWidth="1"/>
    <col min="1569" max="1792" width="9" style="2"/>
    <col min="1793" max="1793" width="3.6640625" style="2" customWidth="1"/>
    <col min="1794" max="1799" width="5.6640625" style="2" customWidth="1"/>
    <col min="1800" max="1800" width="6.21875" style="2" customWidth="1"/>
    <col min="1801" max="1808" width="5.6640625" style="2" customWidth="1"/>
    <col min="1809" max="1809" width="6.6640625" style="2" customWidth="1"/>
    <col min="1810" max="1817" width="5.6640625" style="2" customWidth="1"/>
    <col min="1818" max="1820" width="6.6640625" style="2" customWidth="1"/>
    <col min="1821" max="1824" width="8.6640625" style="2" customWidth="1"/>
    <col min="1825" max="2048" width="9" style="2"/>
    <col min="2049" max="2049" width="3.6640625" style="2" customWidth="1"/>
    <col min="2050" max="2055" width="5.6640625" style="2" customWidth="1"/>
    <col min="2056" max="2056" width="6.21875" style="2" customWidth="1"/>
    <col min="2057" max="2064" width="5.6640625" style="2" customWidth="1"/>
    <col min="2065" max="2065" width="6.6640625" style="2" customWidth="1"/>
    <col min="2066" max="2073" width="5.6640625" style="2" customWidth="1"/>
    <col min="2074" max="2076" width="6.6640625" style="2" customWidth="1"/>
    <col min="2077" max="2080" width="8.6640625" style="2" customWidth="1"/>
    <col min="2081" max="2304" width="9" style="2"/>
    <col min="2305" max="2305" width="3.6640625" style="2" customWidth="1"/>
    <col min="2306" max="2311" width="5.6640625" style="2" customWidth="1"/>
    <col min="2312" max="2312" width="6.21875" style="2" customWidth="1"/>
    <col min="2313" max="2320" width="5.6640625" style="2" customWidth="1"/>
    <col min="2321" max="2321" width="6.6640625" style="2" customWidth="1"/>
    <col min="2322" max="2329" width="5.6640625" style="2" customWidth="1"/>
    <col min="2330" max="2332" width="6.6640625" style="2" customWidth="1"/>
    <col min="2333" max="2336" width="8.6640625" style="2" customWidth="1"/>
    <col min="2337" max="2560" width="9" style="2"/>
    <col min="2561" max="2561" width="3.6640625" style="2" customWidth="1"/>
    <col min="2562" max="2567" width="5.6640625" style="2" customWidth="1"/>
    <col min="2568" max="2568" width="6.21875" style="2" customWidth="1"/>
    <col min="2569" max="2576" width="5.6640625" style="2" customWidth="1"/>
    <col min="2577" max="2577" width="6.6640625" style="2" customWidth="1"/>
    <col min="2578" max="2585" width="5.6640625" style="2" customWidth="1"/>
    <col min="2586" max="2588" width="6.6640625" style="2" customWidth="1"/>
    <col min="2589" max="2592" width="8.6640625" style="2" customWidth="1"/>
    <col min="2593" max="2816" width="9" style="2"/>
    <col min="2817" max="2817" width="3.6640625" style="2" customWidth="1"/>
    <col min="2818" max="2823" width="5.6640625" style="2" customWidth="1"/>
    <col min="2824" max="2824" width="6.21875" style="2" customWidth="1"/>
    <col min="2825" max="2832" width="5.6640625" style="2" customWidth="1"/>
    <col min="2833" max="2833" width="6.6640625" style="2" customWidth="1"/>
    <col min="2834" max="2841" width="5.6640625" style="2" customWidth="1"/>
    <col min="2842" max="2844" width="6.6640625" style="2" customWidth="1"/>
    <col min="2845" max="2848" width="8.6640625" style="2" customWidth="1"/>
    <col min="2849" max="3072" width="9" style="2"/>
    <col min="3073" max="3073" width="3.6640625" style="2" customWidth="1"/>
    <col min="3074" max="3079" width="5.6640625" style="2" customWidth="1"/>
    <col min="3080" max="3080" width="6.21875" style="2" customWidth="1"/>
    <col min="3081" max="3088" width="5.6640625" style="2" customWidth="1"/>
    <col min="3089" max="3089" width="6.6640625" style="2" customWidth="1"/>
    <col min="3090" max="3097" width="5.6640625" style="2" customWidth="1"/>
    <col min="3098" max="3100" width="6.6640625" style="2" customWidth="1"/>
    <col min="3101" max="3104" width="8.6640625" style="2" customWidth="1"/>
    <col min="3105" max="3328" width="9" style="2"/>
    <col min="3329" max="3329" width="3.6640625" style="2" customWidth="1"/>
    <col min="3330" max="3335" width="5.6640625" style="2" customWidth="1"/>
    <col min="3336" max="3336" width="6.21875" style="2" customWidth="1"/>
    <col min="3337" max="3344" width="5.6640625" style="2" customWidth="1"/>
    <col min="3345" max="3345" width="6.6640625" style="2" customWidth="1"/>
    <col min="3346" max="3353" width="5.6640625" style="2" customWidth="1"/>
    <col min="3354" max="3356" width="6.6640625" style="2" customWidth="1"/>
    <col min="3357" max="3360" width="8.6640625" style="2" customWidth="1"/>
    <col min="3361" max="3584" width="9" style="2"/>
    <col min="3585" max="3585" width="3.6640625" style="2" customWidth="1"/>
    <col min="3586" max="3591" width="5.6640625" style="2" customWidth="1"/>
    <col min="3592" max="3592" width="6.21875" style="2" customWidth="1"/>
    <col min="3593" max="3600" width="5.6640625" style="2" customWidth="1"/>
    <col min="3601" max="3601" width="6.6640625" style="2" customWidth="1"/>
    <col min="3602" max="3609" width="5.6640625" style="2" customWidth="1"/>
    <col min="3610" max="3612" width="6.6640625" style="2" customWidth="1"/>
    <col min="3613" max="3616" width="8.6640625" style="2" customWidth="1"/>
    <col min="3617" max="3840" width="9" style="2"/>
    <col min="3841" max="3841" width="3.6640625" style="2" customWidth="1"/>
    <col min="3842" max="3847" width="5.6640625" style="2" customWidth="1"/>
    <col min="3848" max="3848" width="6.21875" style="2" customWidth="1"/>
    <col min="3849" max="3856" width="5.6640625" style="2" customWidth="1"/>
    <col min="3857" max="3857" width="6.6640625" style="2" customWidth="1"/>
    <col min="3858" max="3865" width="5.6640625" style="2" customWidth="1"/>
    <col min="3866" max="3868" width="6.6640625" style="2" customWidth="1"/>
    <col min="3869" max="3872" width="8.6640625" style="2" customWidth="1"/>
    <col min="3873" max="4096" width="9" style="2"/>
    <col min="4097" max="4097" width="3.6640625" style="2" customWidth="1"/>
    <col min="4098" max="4103" width="5.6640625" style="2" customWidth="1"/>
    <col min="4104" max="4104" width="6.21875" style="2" customWidth="1"/>
    <col min="4105" max="4112" width="5.6640625" style="2" customWidth="1"/>
    <col min="4113" max="4113" width="6.6640625" style="2" customWidth="1"/>
    <col min="4114" max="4121" width="5.6640625" style="2" customWidth="1"/>
    <col min="4122" max="4124" width="6.6640625" style="2" customWidth="1"/>
    <col min="4125" max="4128" width="8.6640625" style="2" customWidth="1"/>
    <col min="4129" max="4352" width="9" style="2"/>
    <col min="4353" max="4353" width="3.6640625" style="2" customWidth="1"/>
    <col min="4354" max="4359" width="5.6640625" style="2" customWidth="1"/>
    <col min="4360" max="4360" width="6.21875" style="2" customWidth="1"/>
    <col min="4361" max="4368" width="5.6640625" style="2" customWidth="1"/>
    <col min="4369" max="4369" width="6.6640625" style="2" customWidth="1"/>
    <col min="4370" max="4377" width="5.6640625" style="2" customWidth="1"/>
    <col min="4378" max="4380" width="6.6640625" style="2" customWidth="1"/>
    <col min="4381" max="4384" width="8.6640625" style="2" customWidth="1"/>
    <col min="4385" max="4608" width="9" style="2"/>
    <col min="4609" max="4609" width="3.6640625" style="2" customWidth="1"/>
    <col min="4610" max="4615" width="5.6640625" style="2" customWidth="1"/>
    <col min="4616" max="4616" width="6.21875" style="2" customWidth="1"/>
    <col min="4617" max="4624" width="5.6640625" style="2" customWidth="1"/>
    <col min="4625" max="4625" width="6.6640625" style="2" customWidth="1"/>
    <col min="4626" max="4633" width="5.6640625" style="2" customWidth="1"/>
    <col min="4634" max="4636" width="6.6640625" style="2" customWidth="1"/>
    <col min="4637" max="4640" width="8.6640625" style="2" customWidth="1"/>
    <col min="4641" max="4864" width="9" style="2"/>
    <col min="4865" max="4865" width="3.6640625" style="2" customWidth="1"/>
    <col min="4866" max="4871" width="5.6640625" style="2" customWidth="1"/>
    <col min="4872" max="4872" width="6.21875" style="2" customWidth="1"/>
    <col min="4873" max="4880" width="5.6640625" style="2" customWidth="1"/>
    <col min="4881" max="4881" width="6.6640625" style="2" customWidth="1"/>
    <col min="4882" max="4889" width="5.6640625" style="2" customWidth="1"/>
    <col min="4890" max="4892" width="6.6640625" style="2" customWidth="1"/>
    <col min="4893" max="4896" width="8.6640625" style="2" customWidth="1"/>
    <col min="4897" max="5120" width="9" style="2"/>
    <col min="5121" max="5121" width="3.6640625" style="2" customWidth="1"/>
    <col min="5122" max="5127" width="5.6640625" style="2" customWidth="1"/>
    <col min="5128" max="5128" width="6.21875" style="2" customWidth="1"/>
    <col min="5129" max="5136" width="5.6640625" style="2" customWidth="1"/>
    <col min="5137" max="5137" width="6.6640625" style="2" customWidth="1"/>
    <col min="5138" max="5145" width="5.6640625" style="2" customWidth="1"/>
    <col min="5146" max="5148" width="6.6640625" style="2" customWidth="1"/>
    <col min="5149" max="5152" width="8.6640625" style="2" customWidth="1"/>
    <col min="5153" max="5376" width="9" style="2"/>
    <col min="5377" max="5377" width="3.6640625" style="2" customWidth="1"/>
    <col min="5378" max="5383" width="5.6640625" style="2" customWidth="1"/>
    <col min="5384" max="5384" width="6.21875" style="2" customWidth="1"/>
    <col min="5385" max="5392" width="5.6640625" style="2" customWidth="1"/>
    <col min="5393" max="5393" width="6.6640625" style="2" customWidth="1"/>
    <col min="5394" max="5401" width="5.6640625" style="2" customWidth="1"/>
    <col min="5402" max="5404" width="6.6640625" style="2" customWidth="1"/>
    <col min="5405" max="5408" width="8.6640625" style="2" customWidth="1"/>
    <col min="5409" max="5632" width="9" style="2"/>
    <col min="5633" max="5633" width="3.6640625" style="2" customWidth="1"/>
    <col min="5634" max="5639" width="5.6640625" style="2" customWidth="1"/>
    <col min="5640" max="5640" width="6.21875" style="2" customWidth="1"/>
    <col min="5641" max="5648" width="5.6640625" style="2" customWidth="1"/>
    <col min="5649" max="5649" width="6.6640625" style="2" customWidth="1"/>
    <col min="5650" max="5657" width="5.6640625" style="2" customWidth="1"/>
    <col min="5658" max="5660" width="6.6640625" style="2" customWidth="1"/>
    <col min="5661" max="5664" width="8.6640625" style="2" customWidth="1"/>
    <col min="5665" max="5888" width="9" style="2"/>
    <col min="5889" max="5889" width="3.6640625" style="2" customWidth="1"/>
    <col min="5890" max="5895" width="5.6640625" style="2" customWidth="1"/>
    <col min="5896" max="5896" width="6.21875" style="2" customWidth="1"/>
    <col min="5897" max="5904" width="5.6640625" style="2" customWidth="1"/>
    <col min="5905" max="5905" width="6.6640625" style="2" customWidth="1"/>
    <col min="5906" max="5913" width="5.6640625" style="2" customWidth="1"/>
    <col min="5914" max="5916" width="6.6640625" style="2" customWidth="1"/>
    <col min="5917" max="5920" width="8.6640625" style="2" customWidth="1"/>
    <col min="5921" max="6144" width="9" style="2"/>
    <col min="6145" max="6145" width="3.6640625" style="2" customWidth="1"/>
    <col min="6146" max="6151" width="5.6640625" style="2" customWidth="1"/>
    <col min="6152" max="6152" width="6.21875" style="2" customWidth="1"/>
    <col min="6153" max="6160" width="5.6640625" style="2" customWidth="1"/>
    <col min="6161" max="6161" width="6.6640625" style="2" customWidth="1"/>
    <col min="6162" max="6169" width="5.6640625" style="2" customWidth="1"/>
    <col min="6170" max="6172" width="6.6640625" style="2" customWidth="1"/>
    <col min="6173" max="6176" width="8.6640625" style="2" customWidth="1"/>
    <col min="6177" max="6400" width="9" style="2"/>
    <col min="6401" max="6401" width="3.6640625" style="2" customWidth="1"/>
    <col min="6402" max="6407" width="5.6640625" style="2" customWidth="1"/>
    <col min="6408" max="6408" width="6.21875" style="2" customWidth="1"/>
    <col min="6409" max="6416" width="5.6640625" style="2" customWidth="1"/>
    <col min="6417" max="6417" width="6.6640625" style="2" customWidth="1"/>
    <col min="6418" max="6425" width="5.6640625" style="2" customWidth="1"/>
    <col min="6426" max="6428" width="6.6640625" style="2" customWidth="1"/>
    <col min="6429" max="6432" width="8.6640625" style="2" customWidth="1"/>
    <col min="6433" max="6656" width="9" style="2"/>
    <col min="6657" max="6657" width="3.6640625" style="2" customWidth="1"/>
    <col min="6658" max="6663" width="5.6640625" style="2" customWidth="1"/>
    <col min="6664" max="6664" width="6.21875" style="2" customWidth="1"/>
    <col min="6665" max="6672" width="5.6640625" style="2" customWidth="1"/>
    <col min="6673" max="6673" width="6.6640625" style="2" customWidth="1"/>
    <col min="6674" max="6681" width="5.6640625" style="2" customWidth="1"/>
    <col min="6682" max="6684" width="6.6640625" style="2" customWidth="1"/>
    <col min="6685" max="6688" width="8.6640625" style="2" customWidth="1"/>
    <col min="6689" max="6912" width="9" style="2"/>
    <col min="6913" max="6913" width="3.6640625" style="2" customWidth="1"/>
    <col min="6914" max="6919" width="5.6640625" style="2" customWidth="1"/>
    <col min="6920" max="6920" width="6.21875" style="2" customWidth="1"/>
    <col min="6921" max="6928" width="5.6640625" style="2" customWidth="1"/>
    <col min="6929" max="6929" width="6.6640625" style="2" customWidth="1"/>
    <col min="6930" max="6937" width="5.6640625" style="2" customWidth="1"/>
    <col min="6938" max="6940" width="6.6640625" style="2" customWidth="1"/>
    <col min="6941" max="6944" width="8.6640625" style="2" customWidth="1"/>
    <col min="6945" max="7168" width="9" style="2"/>
    <col min="7169" max="7169" width="3.6640625" style="2" customWidth="1"/>
    <col min="7170" max="7175" width="5.6640625" style="2" customWidth="1"/>
    <col min="7176" max="7176" width="6.21875" style="2" customWidth="1"/>
    <col min="7177" max="7184" width="5.6640625" style="2" customWidth="1"/>
    <col min="7185" max="7185" width="6.6640625" style="2" customWidth="1"/>
    <col min="7186" max="7193" width="5.6640625" style="2" customWidth="1"/>
    <col min="7194" max="7196" width="6.6640625" style="2" customWidth="1"/>
    <col min="7197" max="7200" width="8.6640625" style="2" customWidth="1"/>
    <col min="7201" max="7424" width="9" style="2"/>
    <col min="7425" max="7425" width="3.6640625" style="2" customWidth="1"/>
    <col min="7426" max="7431" width="5.6640625" style="2" customWidth="1"/>
    <col min="7432" max="7432" width="6.21875" style="2" customWidth="1"/>
    <col min="7433" max="7440" width="5.6640625" style="2" customWidth="1"/>
    <col min="7441" max="7441" width="6.6640625" style="2" customWidth="1"/>
    <col min="7442" max="7449" width="5.6640625" style="2" customWidth="1"/>
    <col min="7450" max="7452" width="6.6640625" style="2" customWidth="1"/>
    <col min="7453" max="7456" width="8.6640625" style="2" customWidth="1"/>
    <col min="7457" max="7680" width="9" style="2"/>
    <col min="7681" max="7681" width="3.6640625" style="2" customWidth="1"/>
    <col min="7682" max="7687" width="5.6640625" style="2" customWidth="1"/>
    <col min="7688" max="7688" width="6.21875" style="2" customWidth="1"/>
    <col min="7689" max="7696" width="5.6640625" style="2" customWidth="1"/>
    <col min="7697" max="7697" width="6.6640625" style="2" customWidth="1"/>
    <col min="7698" max="7705" width="5.6640625" style="2" customWidth="1"/>
    <col min="7706" max="7708" width="6.6640625" style="2" customWidth="1"/>
    <col min="7709" max="7712" width="8.6640625" style="2" customWidth="1"/>
    <col min="7713" max="7936" width="9" style="2"/>
    <col min="7937" max="7937" width="3.6640625" style="2" customWidth="1"/>
    <col min="7938" max="7943" width="5.6640625" style="2" customWidth="1"/>
    <col min="7944" max="7944" width="6.21875" style="2" customWidth="1"/>
    <col min="7945" max="7952" width="5.6640625" style="2" customWidth="1"/>
    <col min="7953" max="7953" width="6.6640625" style="2" customWidth="1"/>
    <col min="7954" max="7961" width="5.6640625" style="2" customWidth="1"/>
    <col min="7962" max="7964" width="6.6640625" style="2" customWidth="1"/>
    <col min="7965" max="7968" width="8.6640625" style="2" customWidth="1"/>
    <col min="7969" max="8192" width="9" style="2"/>
    <col min="8193" max="8193" width="3.6640625" style="2" customWidth="1"/>
    <col min="8194" max="8199" width="5.6640625" style="2" customWidth="1"/>
    <col min="8200" max="8200" width="6.21875" style="2" customWidth="1"/>
    <col min="8201" max="8208" width="5.6640625" style="2" customWidth="1"/>
    <col min="8209" max="8209" width="6.6640625" style="2" customWidth="1"/>
    <col min="8210" max="8217" width="5.6640625" style="2" customWidth="1"/>
    <col min="8218" max="8220" width="6.6640625" style="2" customWidth="1"/>
    <col min="8221" max="8224" width="8.6640625" style="2" customWidth="1"/>
    <col min="8225" max="8448" width="9" style="2"/>
    <col min="8449" max="8449" width="3.6640625" style="2" customWidth="1"/>
    <col min="8450" max="8455" width="5.6640625" style="2" customWidth="1"/>
    <col min="8456" max="8456" width="6.21875" style="2" customWidth="1"/>
    <col min="8457" max="8464" width="5.6640625" style="2" customWidth="1"/>
    <col min="8465" max="8465" width="6.6640625" style="2" customWidth="1"/>
    <col min="8466" max="8473" width="5.6640625" style="2" customWidth="1"/>
    <col min="8474" max="8476" width="6.6640625" style="2" customWidth="1"/>
    <col min="8477" max="8480" width="8.6640625" style="2" customWidth="1"/>
    <col min="8481" max="8704" width="9" style="2"/>
    <col min="8705" max="8705" width="3.6640625" style="2" customWidth="1"/>
    <col min="8706" max="8711" width="5.6640625" style="2" customWidth="1"/>
    <col min="8712" max="8712" width="6.21875" style="2" customWidth="1"/>
    <col min="8713" max="8720" width="5.6640625" style="2" customWidth="1"/>
    <col min="8721" max="8721" width="6.6640625" style="2" customWidth="1"/>
    <col min="8722" max="8729" width="5.6640625" style="2" customWidth="1"/>
    <col min="8730" max="8732" width="6.6640625" style="2" customWidth="1"/>
    <col min="8733" max="8736" width="8.6640625" style="2" customWidth="1"/>
    <col min="8737" max="8960" width="9" style="2"/>
    <col min="8961" max="8961" width="3.6640625" style="2" customWidth="1"/>
    <col min="8962" max="8967" width="5.6640625" style="2" customWidth="1"/>
    <col min="8968" max="8968" width="6.21875" style="2" customWidth="1"/>
    <col min="8969" max="8976" width="5.6640625" style="2" customWidth="1"/>
    <col min="8977" max="8977" width="6.6640625" style="2" customWidth="1"/>
    <col min="8978" max="8985" width="5.6640625" style="2" customWidth="1"/>
    <col min="8986" max="8988" width="6.6640625" style="2" customWidth="1"/>
    <col min="8989" max="8992" width="8.6640625" style="2" customWidth="1"/>
    <col min="8993" max="9216" width="9" style="2"/>
    <col min="9217" max="9217" width="3.6640625" style="2" customWidth="1"/>
    <col min="9218" max="9223" width="5.6640625" style="2" customWidth="1"/>
    <col min="9224" max="9224" width="6.21875" style="2" customWidth="1"/>
    <col min="9225" max="9232" width="5.6640625" style="2" customWidth="1"/>
    <col min="9233" max="9233" width="6.6640625" style="2" customWidth="1"/>
    <col min="9234" max="9241" width="5.6640625" style="2" customWidth="1"/>
    <col min="9242" max="9244" width="6.6640625" style="2" customWidth="1"/>
    <col min="9245" max="9248" width="8.6640625" style="2" customWidth="1"/>
    <col min="9249" max="9472" width="9" style="2"/>
    <col min="9473" max="9473" width="3.6640625" style="2" customWidth="1"/>
    <col min="9474" max="9479" width="5.6640625" style="2" customWidth="1"/>
    <col min="9480" max="9480" width="6.21875" style="2" customWidth="1"/>
    <col min="9481" max="9488" width="5.6640625" style="2" customWidth="1"/>
    <col min="9489" max="9489" width="6.6640625" style="2" customWidth="1"/>
    <col min="9490" max="9497" width="5.6640625" style="2" customWidth="1"/>
    <col min="9498" max="9500" width="6.6640625" style="2" customWidth="1"/>
    <col min="9501" max="9504" width="8.6640625" style="2" customWidth="1"/>
    <col min="9505" max="9728" width="9" style="2"/>
    <col min="9729" max="9729" width="3.6640625" style="2" customWidth="1"/>
    <col min="9730" max="9735" width="5.6640625" style="2" customWidth="1"/>
    <col min="9736" max="9736" width="6.21875" style="2" customWidth="1"/>
    <col min="9737" max="9744" width="5.6640625" style="2" customWidth="1"/>
    <col min="9745" max="9745" width="6.6640625" style="2" customWidth="1"/>
    <col min="9746" max="9753" width="5.6640625" style="2" customWidth="1"/>
    <col min="9754" max="9756" width="6.6640625" style="2" customWidth="1"/>
    <col min="9757" max="9760" width="8.6640625" style="2" customWidth="1"/>
    <col min="9761" max="9984" width="9" style="2"/>
    <col min="9985" max="9985" width="3.6640625" style="2" customWidth="1"/>
    <col min="9986" max="9991" width="5.6640625" style="2" customWidth="1"/>
    <col min="9992" max="9992" width="6.21875" style="2" customWidth="1"/>
    <col min="9993" max="10000" width="5.6640625" style="2" customWidth="1"/>
    <col min="10001" max="10001" width="6.6640625" style="2" customWidth="1"/>
    <col min="10002" max="10009" width="5.6640625" style="2" customWidth="1"/>
    <col min="10010" max="10012" width="6.6640625" style="2" customWidth="1"/>
    <col min="10013" max="10016" width="8.6640625" style="2" customWidth="1"/>
    <col min="10017" max="10240" width="9" style="2"/>
    <col min="10241" max="10241" width="3.6640625" style="2" customWidth="1"/>
    <col min="10242" max="10247" width="5.6640625" style="2" customWidth="1"/>
    <col min="10248" max="10248" width="6.21875" style="2" customWidth="1"/>
    <col min="10249" max="10256" width="5.6640625" style="2" customWidth="1"/>
    <col min="10257" max="10257" width="6.6640625" style="2" customWidth="1"/>
    <col min="10258" max="10265" width="5.6640625" style="2" customWidth="1"/>
    <col min="10266" max="10268" width="6.6640625" style="2" customWidth="1"/>
    <col min="10269" max="10272" width="8.6640625" style="2" customWidth="1"/>
    <col min="10273" max="10496" width="9" style="2"/>
    <col min="10497" max="10497" width="3.6640625" style="2" customWidth="1"/>
    <col min="10498" max="10503" width="5.6640625" style="2" customWidth="1"/>
    <col min="10504" max="10504" width="6.21875" style="2" customWidth="1"/>
    <col min="10505" max="10512" width="5.6640625" style="2" customWidth="1"/>
    <col min="10513" max="10513" width="6.6640625" style="2" customWidth="1"/>
    <col min="10514" max="10521" width="5.6640625" style="2" customWidth="1"/>
    <col min="10522" max="10524" width="6.6640625" style="2" customWidth="1"/>
    <col min="10525" max="10528" width="8.6640625" style="2" customWidth="1"/>
    <col min="10529" max="10752" width="9" style="2"/>
    <col min="10753" max="10753" width="3.6640625" style="2" customWidth="1"/>
    <col min="10754" max="10759" width="5.6640625" style="2" customWidth="1"/>
    <col min="10760" max="10760" width="6.21875" style="2" customWidth="1"/>
    <col min="10761" max="10768" width="5.6640625" style="2" customWidth="1"/>
    <col min="10769" max="10769" width="6.6640625" style="2" customWidth="1"/>
    <col min="10770" max="10777" width="5.6640625" style="2" customWidth="1"/>
    <col min="10778" max="10780" width="6.6640625" style="2" customWidth="1"/>
    <col min="10781" max="10784" width="8.6640625" style="2" customWidth="1"/>
    <col min="10785" max="11008" width="9" style="2"/>
    <col min="11009" max="11009" width="3.6640625" style="2" customWidth="1"/>
    <col min="11010" max="11015" width="5.6640625" style="2" customWidth="1"/>
    <col min="11016" max="11016" width="6.21875" style="2" customWidth="1"/>
    <col min="11017" max="11024" width="5.6640625" style="2" customWidth="1"/>
    <col min="11025" max="11025" width="6.6640625" style="2" customWidth="1"/>
    <col min="11026" max="11033" width="5.6640625" style="2" customWidth="1"/>
    <col min="11034" max="11036" width="6.6640625" style="2" customWidth="1"/>
    <col min="11037" max="11040" width="8.6640625" style="2" customWidth="1"/>
    <col min="11041" max="11264" width="9" style="2"/>
    <col min="11265" max="11265" width="3.6640625" style="2" customWidth="1"/>
    <col min="11266" max="11271" width="5.6640625" style="2" customWidth="1"/>
    <col min="11272" max="11272" width="6.21875" style="2" customWidth="1"/>
    <col min="11273" max="11280" width="5.6640625" style="2" customWidth="1"/>
    <col min="11281" max="11281" width="6.6640625" style="2" customWidth="1"/>
    <col min="11282" max="11289" width="5.6640625" style="2" customWidth="1"/>
    <col min="11290" max="11292" width="6.6640625" style="2" customWidth="1"/>
    <col min="11293" max="11296" width="8.6640625" style="2" customWidth="1"/>
    <col min="11297" max="11520" width="9" style="2"/>
    <col min="11521" max="11521" width="3.6640625" style="2" customWidth="1"/>
    <col min="11522" max="11527" width="5.6640625" style="2" customWidth="1"/>
    <col min="11528" max="11528" width="6.21875" style="2" customWidth="1"/>
    <col min="11529" max="11536" width="5.6640625" style="2" customWidth="1"/>
    <col min="11537" max="11537" width="6.6640625" style="2" customWidth="1"/>
    <col min="11538" max="11545" width="5.6640625" style="2" customWidth="1"/>
    <col min="11546" max="11548" width="6.6640625" style="2" customWidth="1"/>
    <col min="11549" max="11552" width="8.6640625" style="2" customWidth="1"/>
    <col min="11553" max="11776" width="9" style="2"/>
    <col min="11777" max="11777" width="3.6640625" style="2" customWidth="1"/>
    <col min="11778" max="11783" width="5.6640625" style="2" customWidth="1"/>
    <col min="11784" max="11784" width="6.21875" style="2" customWidth="1"/>
    <col min="11785" max="11792" width="5.6640625" style="2" customWidth="1"/>
    <col min="11793" max="11793" width="6.6640625" style="2" customWidth="1"/>
    <col min="11794" max="11801" width="5.6640625" style="2" customWidth="1"/>
    <col min="11802" max="11804" width="6.6640625" style="2" customWidth="1"/>
    <col min="11805" max="11808" width="8.6640625" style="2" customWidth="1"/>
    <col min="11809" max="12032" width="9" style="2"/>
    <col min="12033" max="12033" width="3.6640625" style="2" customWidth="1"/>
    <col min="12034" max="12039" width="5.6640625" style="2" customWidth="1"/>
    <col min="12040" max="12040" width="6.21875" style="2" customWidth="1"/>
    <col min="12041" max="12048" width="5.6640625" style="2" customWidth="1"/>
    <col min="12049" max="12049" width="6.6640625" style="2" customWidth="1"/>
    <col min="12050" max="12057" width="5.6640625" style="2" customWidth="1"/>
    <col min="12058" max="12060" width="6.6640625" style="2" customWidth="1"/>
    <col min="12061" max="12064" width="8.6640625" style="2" customWidth="1"/>
    <col min="12065" max="12288" width="9" style="2"/>
    <col min="12289" max="12289" width="3.6640625" style="2" customWidth="1"/>
    <col min="12290" max="12295" width="5.6640625" style="2" customWidth="1"/>
    <col min="12296" max="12296" width="6.21875" style="2" customWidth="1"/>
    <col min="12297" max="12304" width="5.6640625" style="2" customWidth="1"/>
    <col min="12305" max="12305" width="6.6640625" style="2" customWidth="1"/>
    <col min="12306" max="12313" width="5.6640625" style="2" customWidth="1"/>
    <col min="12314" max="12316" width="6.6640625" style="2" customWidth="1"/>
    <col min="12317" max="12320" width="8.6640625" style="2" customWidth="1"/>
    <col min="12321" max="12544" width="9" style="2"/>
    <col min="12545" max="12545" width="3.6640625" style="2" customWidth="1"/>
    <col min="12546" max="12551" width="5.6640625" style="2" customWidth="1"/>
    <col min="12552" max="12552" width="6.21875" style="2" customWidth="1"/>
    <col min="12553" max="12560" width="5.6640625" style="2" customWidth="1"/>
    <col min="12561" max="12561" width="6.6640625" style="2" customWidth="1"/>
    <col min="12562" max="12569" width="5.6640625" style="2" customWidth="1"/>
    <col min="12570" max="12572" width="6.6640625" style="2" customWidth="1"/>
    <col min="12573" max="12576" width="8.6640625" style="2" customWidth="1"/>
    <col min="12577" max="12800" width="9" style="2"/>
    <col min="12801" max="12801" width="3.6640625" style="2" customWidth="1"/>
    <col min="12802" max="12807" width="5.6640625" style="2" customWidth="1"/>
    <col min="12808" max="12808" width="6.21875" style="2" customWidth="1"/>
    <col min="12809" max="12816" width="5.6640625" style="2" customWidth="1"/>
    <col min="12817" max="12817" width="6.6640625" style="2" customWidth="1"/>
    <col min="12818" max="12825" width="5.6640625" style="2" customWidth="1"/>
    <col min="12826" max="12828" width="6.6640625" style="2" customWidth="1"/>
    <col min="12829" max="12832" width="8.6640625" style="2" customWidth="1"/>
    <col min="12833" max="13056" width="9" style="2"/>
    <col min="13057" max="13057" width="3.6640625" style="2" customWidth="1"/>
    <col min="13058" max="13063" width="5.6640625" style="2" customWidth="1"/>
    <col min="13064" max="13064" width="6.21875" style="2" customWidth="1"/>
    <col min="13065" max="13072" width="5.6640625" style="2" customWidth="1"/>
    <col min="13073" max="13073" width="6.6640625" style="2" customWidth="1"/>
    <col min="13074" max="13081" width="5.6640625" style="2" customWidth="1"/>
    <col min="13082" max="13084" width="6.6640625" style="2" customWidth="1"/>
    <col min="13085" max="13088" width="8.6640625" style="2" customWidth="1"/>
    <col min="13089" max="13312" width="9" style="2"/>
    <col min="13313" max="13313" width="3.6640625" style="2" customWidth="1"/>
    <col min="13314" max="13319" width="5.6640625" style="2" customWidth="1"/>
    <col min="13320" max="13320" width="6.21875" style="2" customWidth="1"/>
    <col min="13321" max="13328" width="5.6640625" style="2" customWidth="1"/>
    <col min="13329" max="13329" width="6.6640625" style="2" customWidth="1"/>
    <col min="13330" max="13337" width="5.6640625" style="2" customWidth="1"/>
    <col min="13338" max="13340" width="6.6640625" style="2" customWidth="1"/>
    <col min="13341" max="13344" width="8.6640625" style="2" customWidth="1"/>
    <col min="13345" max="13568" width="9" style="2"/>
    <col min="13569" max="13569" width="3.6640625" style="2" customWidth="1"/>
    <col min="13570" max="13575" width="5.6640625" style="2" customWidth="1"/>
    <col min="13576" max="13576" width="6.21875" style="2" customWidth="1"/>
    <col min="13577" max="13584" width="5.6640625" style="2" customWidth="1"/>
    <col min="13585" max="13585" width="6.6640625" style="2" customWidth="1"/>
    <col min="13586" max="13593" width="5.6640625" style="2" customWidth="1"/>
    <col min="13594" max="13596" width="6.6640625" style="2" customWidth="1"/>
    <col min="13597" max="13600" width="8.6640625" style="2" customWidth="1"/>
    <col min="13601" max="13824" width="9" style="2"/>
    <col min="13825" max="13825" width="3.6640625" style="2" customWidth="1"/>
    <col min="13826" max="13831" width="5.6640625" style="2" customWidth="1"/>
    <col min="13832" max="13832" width="6.21875" style="2" customWidth="1"/>
    <col min="13833" max="13840" width="5.6640625" style="2" customWidth="1"/>
    <col min="13841" max="13841" width="6.6640625" style="2" customWidth="1"/>
    <col min="13842" max="13849" width="5.6640625" style="2" customWidth="1"/>
    <col min="13850" max="13852" width="6.6640625" style="2" customWidth="1"/>
    <col min="13853" max="13856" width="8.6640625" style="2" customWidth="1"/>
    <col min="13857" max="14080" width="9" style="2"/>
    <col min="14081" max="14081" width="3.6640625" style="2" customWidth="1"/>
    <col min="14082" max="14087" width="5.6640625" style="2" customWidth="1"/>
    <col min="14088" max="14088" width="6.21875" style="2" customWidth="1"/>
    <col min="14089" max="14096" width="5.6640625" style="2" customWidth="1"/>
    <col min="14097" max="14097" width="6.6640625" style="2" customWidth="1"/>
    <col min="14098" max="14105" width="5.6640625" style="2" customWidth="1"/>
    <col min="14106" max="14108" width="6.6640625" style="2" customWidth="1"/>
    <col min="14109" max="14112" width="8.6640625" style="2" customWidth="1"/>
    <col min="14113" max="14336" width="9" style="2"/>
    <col min="14337" max="14337" width="3.6640625" style="2" customWidth="1"/>
    <col min="14338" max="14343" width="5.6640625" style="2" customWidth="1"/>
    <col min="14344" max="14344" width="6.21875" style="2" customWidth="1"/>
    <col min="14345" max="14352" width="5.6640625" style="2" customWidth="1"/>
    <col min="14353" max="14353" width="6.6640625" style="2" customWidth="1"/>
    <col min="14354" max="14361" width="5.6640625" style="2" customWidth="1"/>
    <col min="14362" max="14364" width="6.6640625" style="2" customWidth="1"/>
    <col min="14365" max="14368" width="8.6640625" style="2" customWidth="1"/>
    <col min="14369" max="14592" width="9" style="2"/>
    <col min="14593" max="14593" width="3.6640625" style="2" customWidth="1"/>
    <col min="14594" max="14599" width="5.6640625" style="2" customWidth="1"/>
    <col min="14600" max="14600" width="6.21875" style="2" customWidth="1"/>
    <col min="14601" max="14608" width="5.6640625" style="2" customWidth="1"/>
    <col min="14609" max="14609" width="6.6640625" style="2" customWidth="1"/>
    <col min="14610" max="14617" width="5.6640625" style="2" customWidth="1"/>
    <col min="14618" max="14620" width="6.6640625" style="2" customWidth="1"/>
    <col min="14621" max="14624" width="8.6640625" style="2" customWidth="1"/>
    <col min="14625" max="14848" width="9" style="2"/>
    <col min="14849" max="14849" width="3.6640625" style="2" customWidth="1"/>
    <col min="14850" max="14855" width="5.6640625" style="2" customWidth="1"/>
    <col min="14856" max="14856" width="6.21875" style="2" customWidth="1"/>
    <col min="14857" max="14864" width="5.6640625" style="2" customWidth="1"/>
    <col min="14865" max="14865" width="6.6640625" style="2" customWidth="1"/>
    <col min="14866" max="14873" width="5.6640625" style="2" customWidth="1"/>
    <col min="14874" max="14876" width="6.6640625" style="2" customWidth="1"/>
    <col min="14877" max="14880" width="8.6640625" style="2" customWidth="1"/>
    <col min="14881" max="15104" width="9" style="2"/>
    <col min="15105" max="15105" width="3.6640625" style="2" customWidth="1"/>
    <col min="15106" max="15111" width="5.6640625" style="2" customWidth="1"/>
    <col min="15112" max="15112" width="6.21875" style="2" customWidth="1"/>
    <col min="15113" max="15120" width="5.6640625" style="2" customWidth="1"/>
    <col min="15121" max="15121" width="6.6640625" style="2" customWidth="1"/>
    <col min="15122" max="15129" width="5.6640625" style="2" customWidth="1"/>
    <col min="15130" max="15132" width="6.6640625" style="2" customWidth="1"/>
    <col min="15133" max="15136" width="8.6640625" style="2" customWidth="1"/>
    <col min="15137" max="15360" width="9" style="2"/>
    <col min="15361" max="15361" width="3.6640625" style="2" customWidth="1"/>
    <col min="15362" max="15367" width="5.6640625" style="2" customWidth="1"/>
    <col min="15368" max="15368" width="6.21875" style="2" customWidth="1"/>
    <col min="15369" max="15376" width="5.6640625" style="2" customWidth="1"/>
    <col min="15377" max="15377" width="6.6640625" style="2" customWidth="1"/>
    <col min="15378" max="15385" width="5.6640625" style="2" customWidth="1"/>
    <col min="15386" max="15388" width="6.6640625" style="2" customWidth="1"/>
    <col min="15389" max="15392" width="8.6640625" style="2" customWidth="1"/>
    <col min="15393" max="15616" width="9" style="2"/>
    <col min="15617" max="15617" width="3.6640625" style="2" customWidth="1"/>
    <col min="15618" max="15623" width="5.6640625" style="2" customWidth="1"/>
    <col min="15624" max="15624" width="6.21875" style="2" customWidth="1"/>
    <col min="15625" max="15632" width="5.6640625" style="2" customWidth="1"/>
    <col min="15633" max="15633" width="6.6640625" style="2" customWidth="1"/>
    <col min="15634" max="15641" width="5.6640625" style="2" customWidth="1"/>
    <col min="15642" max="15644" width="6.6640625" style="2" customWidth="1"/>
    <col min="15645" max="15648" width="8.6640625" style="2" customWidth="1"/>
    <col min="15649" max="15872" width="9" style="2"/>
    <col min="15873" max="15873" width="3.6640625" style="2" customWidth="1"/>
    <col min="15874" max="15879" width="5.6640625" style="2" customWidth="1"/>
    <col min="15880" max="15880" width="6.21875" style="2" customWidth="1"/>
    <col min="15881" max="15888" width="5.6640625" style="2" customWidth="1"/>
    <col min="15889" max="15889" width="6.6640625" style="2" customWidth="1"/>
    <col min="15890" max="15897" width="5.6640625" style="2" customWidth="1"/>
    <col min="15898" max="15900" width="6.6640625" style="2" customWidth="1"/>
    <col min="15901" max="15904" width="8.6640625" style="2" customWidth="1"/>
    <col min="15905" max="16128" width="9" style="2"/>
    <col min="16129" max="16129" width="3.6640625" style="2" customWidth="1"/>
    <col min="16130" max="16135" width="5.6640625" style="2" customWidth="1"/>
    <col min="16136" max="16136" width="6.21875" style="2" customWidth="1"/>
    <col min="16137" max="16144" width="5.6640625" style="2" customWidth="1"/>
    <col min="16145" max="16145" width="6.6640625" style="2" customWidth="1"/>
    <col min="16146" max="16153" width="5.6640625" style="2" customWidth="1"/>
    <col min="16154" max="16156" width="6.6640625" style="2" customWidth="1"/>
    <col min="16157" max="16160" width="8.6640625" style="2" customWidth="1"/>
    <col min="16161" max="16384" width="9" style="2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7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1227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14573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202089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12484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7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10</v>
      </c>
      <c r="C18" s="50">
        <v>100</v>
      </c>
      <c r="D18" s="51">
        <v>210</v>
      </c>
      <c r="E18" s="50">
        <v>217</v>
      </c>
      <c r="F18" s="50">
        <v>247</v>
      </c>
      <c r="G18" s="51">
        <v>464</v>
      </c>
      <c r="H18" s="51">
        <v>-254</v>
      </c>
      <c r="I18" s="50">
        <v>301</v>
      </c>
      <c r="J18" s="50">
        <v>96</v>
      </c>
      <c r="K18" s="50">
        <v>105</v>
      </c>
      <c r="L18" s="51">
        <v>201</v>
      </c>
      <c r="M18" s="50">
        <v>355</v>
      </c>
      <c r="N18" s="50">
        <v>298</v>
      </c>
      <c r="O18" s="50">
        <v>228</v>
      </c>
      <c r="P18" s="51">
        <v>526</v>
      </c>
      <c r="Q18" s="51">
        <v>727</v>
      </c>
      <c r="R18" s="50">
        <v>392</v>
      </c>
      <c r="S18" s="50">
        <v>126</v>
      </c>
      <c r="T18" s="50">
        <v>114</v>
      </c>
      <c r="U18" s="51">
        <v>240</v>
      </c>
      <c r="V18" s="50">
        <v>252</v>
      </c>
      <c r="W18" s="50">
        <v>269</v>
      </c>
      <c r="X18" s="50">
        <v>194</v>
      </c>
      <c r="Y18" s="51">
        <v>463</v>
      </c>
      <c r="Z18" s="51">
        <v>703</v>
      </c>
      <c r="AA18" s="51">
        <v>24</v>
      </c>
      <c r="AB18" s="51">
        <v>-230</v>
      </c>
      <c r="AC18" s="52">
        <v>180046</v>
      </c>
      <c r="AD18" s="52">
        <v>202380</v>
      </c>
      <c r="AE18" s="52">
        <v>213155</v>
      </c>
      <c r="AF18" s="53">
        <v>415535</v>
      </c>
    </row>
    <row r="19" spans="1:32" ht="20.100000000000001" customHeight="1" x14ac:dyDescent="0.2">
      <c r="A19" s="54">
        <v>2</v>
      </c>
      <c r="B19" s="55">
        <v>100</v>
      </c>
      <c r="C19" s="55">
        <v>96</v>
      </c>
      <c r="D19" s="56">
        <v>196</v>
      </c>
      <c r="E19" s="55">
        <v>199</v>
      </c>
      <c r="F19" s="55">
        <v>184</v>
      </c>
      <c r="G19" s="56">
        <v>383</v>
      </c>
      <c r="H19" s="56">
        <v>-187</v>
      </c>
      <c r="I19" s="55">
        <v>333</v>
      </c>
      <c r="J19" s="55">
        <v>125</v>
      </c>
      <c r="K19" s="55">
        <v>127</v>
      </c>
      <c r="L19" s="56">
        <v>252</v>
      </c>
      <c r="M19" s="55">
        <v>328</v>
      </c>
      <c r="N19" s="55">
        <v>305</v>
      </c>
      <c r="O19" s="55">
        <v>190</v>
      </c>
      <c r="P19" s="56">
        <v>495</v>
      </c>
      <c r="Q19" s="56">
        <v>747</v>
      </c>
      <c r="R19" s="55">
        <v>342</v>
      </c>
      <c r="S19" s="55">
        <v>115</v>
      </c>
      <c r="T19" s="55">
        <v>114</v>
      </c>
      <c r="U19" s="56">
        <v>229</v>
      </c>
      <c r="V19" s="55">
        <v>269</v>
      </c>
      <c r="W19" s="55">
        <v>289</v>
      </c>
      <c r="X19" s="55">
        <v>242</v>
      </c>
      <c r="Y19" s="56">
        <v>531</v>
      </c>
      <c r="Z19" s="56">
        <v>760</v>
      </c>
      <c r="AA19" s="56">
        <v>-13</v>
      </c>
      <c r="AB19" s="56">
        <v>-200</v>
      </c>
      <c r="AC19" s="57">
        <v>180096</v>
      </c>
      <c r="AD19" s="57">
        <v>202307</v>
      </c>
      <c r="AE19" s="57">
        <v>213028</v>
      </c>
      <c r="AF19" s="58">
        <v>415335</v>
      </c>
    </row>
    <row r="20" spans="1:32" ht="20.100000000000001" customHeight="1" x14ac:dyDescent="0.2">
      <c r="A20" s="54">
        <v>3</v>
      </c>
      <c r="B20" s="55">
        <v>131</v>
      </c>
      <c r="C20" s="55">
        <v>126</v>
      </c>
      <c r="D20" s="56">
        <v>257</v>
      </c>
      <c r="E20" s="55">
        <v>206</v>
      </c>
      <c r="F20" s="55">
        <v>190</v>
      </c>
      <c r="G20" s="56">
        <v>396</v>
      </c>
      <c r="H20" s="56">
        <v>-139</v>
      </c>
      <c r="I20" s="55">
        <v>612</v>
      </c>
      <c r="J20" s="55">
        <v>268</v>
      </c>
      <c r="K20" s="55">
        <v>231</v>
      </c>
      <c r="L20" s="56">
        <v>499</v>
      </c>
      <c r="M20" s="55">
        <v>1040</v>
      </c>
      <c r="N20" s="55">
        <v>955</v>
      </c>
      <c r="O20" s="55">
        <v>705</v>
      </c>
      <c r="P20" s="56">
        <v>1660</v>
      </c>
      <c r="Q20" s="56">
        <v>2159</v>
      </c>
      <c r="R20" s="55">
        <v>510</v>
      </c>
      <c r="S20" s="55">
        <v>298</v>
      </c>
      <c r="T20" s="55">
        <v>227</v>
      </c>
      <c r="U20" s="56">
        <v>525</v>
      </c>
      <c r="V20" s="55">
        <v>850</v>
      </c>
      <c r="W20" s="55">
        <v>1169</v>
      </c>
      <c r="X20" s="55">
        <v>1002</v>
      </c>
      <c r="Y20" s="56">
        <v>2171</v>
      </c>
      <c r="Z20" s="56">
        <v>2696</v>
      </c>
      <c r="AA20" s="56">
        <v>-537</v>
      </c>
      <c r="AB20" s="56">
        <v>-676</v>
      </c>
      <c r="AC20" s="57">
        <v>180388</v>
      </c>
      <c r="AD20" s="57">
        <v>201988</v>
      </c>
      <c r="AE20" s="57">
        <v>212671</v>
      </c>
      <c r="AF20" s="58">
        <v>414659</v>
      </c>
    </row>
    <row r="21" spans="1:32" ht="20.100000000000001" customHeight="1" x14ac:dyDescent="0.2">
      <c r="A21" s="54">
        <v>4</v>
      </c>
      <c r="B21" s="55">
        <v>149</v>
      </c>
      <c r="C21" s="55">
        <v>106</v>
      </c>
      <c r="D21" s="56">
        <v>255</v>
      </c>
      <c r="E21" s="55">
        <v>178</v>
      </c>
      <c r="F21" s="55">
        <v>196</v>
      </c>
      <c r="G21" s="56">
        <v>374</v>
      </c>
      <c r="H21" s="56">
        <v>-119</v>
      </c>
      <c r="I21" s="55">
        <v>687</v>
      </c>
      <c r="J21" s="55">
        <v>286</v>
      </c>
      <c r="K21" s="55">
        <v>231</v>
      </c>
      <c r="L21" s="56">
        <v>517</v>
      </c>
      <c r="M21" s="55">
        <v>871</v>
      </c>
      <c r="N21" s="55">
        <v>828</v>
      </c>
      <c r="O21" s="55">
        <v>522</v>
      </c>
      <c r="P21" s="56">
        <v>1350</v>
      </c>
      <c r="Q21" s="56">
        <v>1867</v>
      </c>
      <c r="R21" s="55">
        <v>427</v>
      </c>
      <c r="S21" s="55">
        <v>199</v>
      </c>
      <c r="T21" s="55">
        <v>148</v>
      </c>
      <c r="U21" s="56">
        <v>347</v>
      </c>
      <c r="V21" s="55">
        <v>509</v>
      </c>
      <c r="W21" s="55">
        <v>636</v>
      </c>
      <c r="X21" s="55">
        <v>453</v>
      </c>
      <c r="Y21" s="56">
        <v>1089</v>
      </c>
      <c r="Z21" s="56">
        <v>1436</v>
      </c>
      <c r="AA21" s="56">
        <v>431</v>
      </c>
      <c r="AB21" s="56">
        <v>312</v>
      </c>
      <c r="AC21" s="57">
        <v>181010</v>
      </c>
      <c r="AD21" s="57">
        <v>202238</v>
      </c>
      <c r="AE21" s="57">
        <v>212733</v>
      </c>
      <c r="AF21" s="58">
        <v>414971</v>
      </c>
    </row>
    <row r="22" spans="1:32" ht="20.100000000000001" customHeight="1" x14ac:dyDescent="0.2">
      <c r="A22" s="54">
        <v>5</v>
      </c>
      <c r="B22" s="55">
        <v>94</v>
      </c>
      <c r="C22" s="55">
        <v>91</v>
      </c>
      <c r="D22" s="56">
        <v>185</v>
      </c>
      <c r="E22" s="55">
        <v>169</v>
      </c>
      <c r="F22" s="55">
        <v>229</v>
      </c>
      <c r="G22" s="56">
        <v>398</v>
      </c>
      <c r="H22" s="56">
        <v>-213</v>
      </c>
      <c r="I22" s="55">
        <v>298</v>
      </c>
      <c r="J22" s="55">
        <v>100</v>
      </c>
      <c r="K22" s="55">
        <v>105</v>
      </c>
      <c r="L22" s="56">
        <v>205</v>
      </c>
      <c r="M22" s="55">
        <v>202</v>
      </c>
      <c r="N22" s="55">
        <v>211</v>
      </c>
      <c r="O22" s="55">
        <v>134</v>
      </c>
      <c r="P22" s="56">
        <v>345</v>
      </c>
      <c r="Q22" s="56">
        <v>550</v>
      </c>
      <c r="R22" s="55">
        <v>355</v>
      </c>
      <c r="S22" s="55">
        <v>86</v>
      </c>
      <c r="T22" s="55">
        <v>106</v>
      </c>
      <c r="U22" s="56">
        <v>192</v>
      </c>
      <c r="V22" s="55">
        <v>158</v>
      </c>
      <c r="W22" s="55">
        <v>204</v>
      </c>
      <c r="X22" s="55">
        <v>146</v>
      </c>
      <c r="Y22" s="56">
        <v>350</v>
      </c>
      <c r="Z22" s="56">
        <v>542</v>
      </c>
      <c r="AA22" s="56">
        <v>8</v>
      </c>
      <c r="AB22" s="56">
        <v>-205</v>
      </c>
      <c r="AC22" s="57">
        <v>180997</v>
      </c>
      <c r="AD22" s="57">
        <v>202184</v>
      </c>
      <c r="AE22" s="57">
        <v>212582</v>
      </c>
      <c r="AF22" s="58">
        <v>414766</v>
      </c>
    </row>
    <row r="23" spans="1:32" s="64" customFormat="1" ht="20.100000000000001" customHeight="1" x14ac:dyDescent="0.2">
      <c r="A23" s="59">
        <v>6</v>
      </c>
      <c r="B23" s="60">
        <v>134</v>
      </c>
      <c r="C23" s="60">
        <v>133</v>
      </c>
      <c r="D23" s="61">
        <v>267</v>
      </c>
      <c r="E23" s="60">
        <v>171</v>
      </c>
      <c r="F23" s="60">
        <v>183</v>
      </c>
      <c r="G23" s="61">
        <v>354</v>
      </c>
      <c r="H23" s="61">
        <v>-87</v>
      </c>
      <c r="I23" s="60">
        <v>339</v>
      </c>
      <c r="J23" s="60">
        <v>110</v>
      </c>
      <c r="K23" s="60">
        <v>99</v>
      </c>
      <c r="L23" s="61">
        <v>209</v>
      </c>
      <c r="M23" s="60">
        <v>302</v>
      </c>
      <c r="N23" s="60">
        <v>276</v>
      </c>
      <c r="O23" s="60">
        <v>166</v>
      </c>
      <c r="P23" s="61">
        <v>442</v>
      </c>
      <c r="Q23" s="61">
        <v>651</v>
      </c>
      <c r="R23" s="60">
        <v>299</v>
      </c>
      <c r="S23" s="60">
        <v>108</v>
      </c>
      <c r="T23" s="60">
        <v>89</v>
      </c>
      <c r="U23" s="61">
        <v>197</v>
      </c>
      <c r="V23" s="60">
        <v>197</v>
      </c>
      <c r="W23" s="60">
        <v>256</v>
      </c>
      <c r="X23" s="60">
        <v>172</v>
      </c>
      <c r="Y23" s="61">
        <v>428</v>
      </c>
      <c r="Z23" s="61">
        <v>625</v>
      </c>
      <c r="AA23" s="61">
        <v>26</v>
      </c>
      <c r="AB23" s="61">
        <v>-61</v>
      </c>
      <c r="AC23" s="62">
        <v>181142</v>
      </c>
      <c r="AD23" s="62">
        <v>202169</v>
      </c>
      <c r="AE23" s="62">
        <v>212536</v>
      </c>
      <c r="AF23" s="63">
        <v>414705</v>
      </c>
    </row>
    <row r="24" spans="1:32" ht="20.100000000000001" customHeight="1" x14ac:dyDescent="0.2">
      <c r="A24" s="54">
        <v>7</v>
      </c>
      <c r="B24" s="55">
        <v>120</v>
      </c>
      <c r="C24" s="55">
        <v>152</v>
      </c>
      <c r="D24" s="56">
        <v>272</v>
      </c>
      <c r="E24" s="55">
        <v>191</v>
      </c>
      <c r="F24" s="55">
        <v>173</v>
      </c>
      <c r="G24" s="56">
        <v>364</v>
      </c>
      <c r="H24" s="56">
        <v>-92</v>
      </c>
      <c r="I24" s="55">
        <v>382</v>
      </c>
      <c r="J24" s="55">
        <v>115</v>
      </c>
      <c r="K24" s="55">
        <v>118</v>
      </c>
      <c r="L24" s="56">
        <v>233</v>
      </c>
      <c r="M24" s="55">
        <v>266</v>
      </c>
      <c r="N24" s="55">
        <v>260</v>
      </c>
      <c r="O24" s="55">
        <v>154</v>
      </c>
      <c r="P24" s="56">
        <v>414</v>
      </c>
      <c r="Q24" s="56">
        <v>647</v>
      </c>
      <c r="R24" s="55">
        <v>333</v>
      </c>
      <c r="S24" s="55">
        <v>123</v>
      </c>
      <c r="T24" s="55">
        <v>110</v>
      </c>
      <c r="U24" s="56">
        <v>233</v>
      </c>
      <c r="V24" s="55">
        <v>230</v>
      </c>
      <c r="W24" s="55">
        <v>261</v>
      </c>
      <c r="X24" s="55">
        <v>193</v>
      </c>
      <c r="Y24" s="56">
        <v>454</v>
      </c>
      <c r="Z24" s="56">
        <v>687</v>
      </c>
      <c r="AA24" s="56">
        <v>-40</v>
      </c>
      <c r="AB24" s="56">
        <v>-132</v>
      </c>
      <c r="AC24" s="57">
        <v>181227</v>
      </c>
      <c r="AD24" s="57">
        <v>202089</v>
      </c>
      <c r="AE24" s="57">
        <v>212484</v>
      </c>
      <c r="AF24" s="58">
        <v>414573</v>
      </c>
    </row>
    <row r="25" spans="1:32" ht="20.100000000000001" customHeight="1" x14ac:dyDescent="0.2">
      <c r="A25" s="54">
        <v>8</v>
      </c>
      <c r="B25" s="55"/>
      <c r="C25" s="55"/>
      <c r="D25" s="56">
        <v>0</v>
      </c>
      <c r="E25" s="55"/>
      <c r="F25" s="55"/>
      <c r="G25" s="56">
        <v>0</v>
      </c>
      <c r="H25" s="56">
        <v>0</v>
      </c>
      <c r="I25" s="55"/>
      <c r="J25" s="55"/>
      <c r="K25" s="55"/>
      <c r="L25" s="56">
        <v>0</v>
      </c>
      <c r="M25" s="55"/>
      <c r="N25" s="55"/>
      <c r="O25" s="55"/>
      <c r="P25" s="56">
        <v>0</v>
      </c>
      <c r="Q25" s="56">
        <v>0</v>
      </c>
      <c r="R25" s="55"/>
      <c r="S25" s="55"/>
      <c r="T25" s="55"/>
      <c r="U25" s="56">
        <v>0</v>
      </c>
      <c r="V25" s="55"/>
      <c r="W25" s="55"/>
      <c r="X25" s="55"/>
      <c r="Y25" s="56">
        <v>0</v>
      </c>
      <c r="Z25" s="56">
        <v>0</v>
      </c>
      <c r="AA25" s="56">
        <v>0</v>
      </c>
      <c r="AB25" s="56">
        <v>0</v>
      </c>
      <c r="AC25" s="57" t="s">
        <v>29</v>
      </c>
      <c r="AD25" s="57" t="s">
        <v>29</v>
      </c>
      <c r="AE25" s="57" t="s">
        <v>29</v>
      </c>
      <c r="AF25" s="58">
        <v>0</v>
      </c>
    </row>
    <row r="26" spans="1:32" ht="20.100000000000001" customHeight="1" x14ac:dyDescent="0.2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 x14ac:dyDescent="0.2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66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8" t="s">
        <v>29</v>
      </c>
      <c r="AE29" s="68" t="s">
        <v>29</v>
      </c>
      <c r="AF29" s="69">
        <v>0</v>
      </c>
    </row>
    <row r="30" spans="1:32" ht="20.100000000000001" customHeight="1" x14ac:dyDescent="0.2">
      <c r="A30" s="45" t="s">
        <v>24</v>
      </c>
      <c r="B30" s="70">
        <v>838</v>
      </c>
      <c r="C30" s="70">
        <v>804</v>
      </c>
      <c r="D30" s="70">
        <v>1642</v>
      </c>
      <c r="E30" s="70">
        <v>1331</v>
      </c>
      <c r="F30" s="70">
        <v>1402</v>
      </c>
      <c r="G30" s="70">
        <v>2733</v>
      </c>
      <c r="H30" s="70">
        <v>-1091</v>
      </c>
      <c r="I30" s="70">
        <v>2952</v>
      </c>
      <c r="J30" s="70">
        <v>1100</v>
      </c>
      <c r="K30" s="70">
        <v>1016</v>
      </c>
      <c r="L30" s="70">
        <v>2116</v>
      </c>
      <c r="M30" s="70">
        <v>3364</v>
      </c>
      <c r="N30" s="70">
        <v>3133</v>
      </c>
      <c r="O30" s="70">
        <v>2099</v>
      </c>
      <c r="P30" s="70">
        <v>5232</v>
      </c>
      <c r="Q30" s="70">
        <v>7348</v>
      </c>
      <c r="R30" s="70">
        <v>2658</v>
      </c>
      <c r="S30" s="70">
        <v>1055</v>
      </c>
      <c r="T30" s="70">
        <v>908</v>
      </c>
      <c r="U30" s="70">
        <v>1963</v>
      </c>
      <c r="V30" s="70">
        <v>2465</v>
      </c>
      <c r="W30" s="70">
        <v>3084</v>
      </c>
      <c r="X30" s="70">
        <v>2402</v>
      </c>
      <c r="Y30" s="70">
        <v>5486</v>
      </c>
      <c r="Z30" s="70">
        <v>7449</v>
      </c>
      <c r="AA30" s="70">
        <v>-101</v>
      </c>
      <c r="AB30" s="70">
        <v>-1192</v>
      </c>
      <c r="AC30" s="71"/>
      <c r="AD30" s="71"/>
      <c r="AE30" s="71"/>
      <c r="AF30" s="72"/>
    </row>
    <row r="31" spans="1:32" x14ac:dyDescent="0.2"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3"/>
      <c r="AE31" s="73"/>
      <c r="AF31" s="73"/>
    </row>
    <row r="32" spans="1:32" x14ac:dyDescent="0.2">
      <c r="B32" s="74" t="s">
        <v>30</v>
      </c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AA32" s="73"/>
      <c r="AB32" s="75"/>
      <c r="AC32" s="75"/>
      <c r="AD32" s="75"/>
      <c r="AE32" s="75"/>
      <c r="AF32" s="75"/>
    </row>
    <row r="33" spans="2:36" x14ac:dyDescent="0.2">
      <c r="B33" s="74" t="s">
        <v>31</v>
      </c>
    </row>
    <row r="34" spans="2:36" hidden="1" x14ac:dyDescent="0.2">
      <c r="AF34" s="76">
        <v>1</v>
      </c>
      <c r="AG34" s="77">
        <v>180046</v>
      </c>
      <c r="AH34" s="77">
        <v>202380</v>
      </c>
      <c r="AI34" s="77">
        <v>213155</v>
      </c>
      <c r="AJ34" s="77">
        <v>415535</v>
      </c>
    </row>
    <row r="35" spans="2:36" hidden="1" x14ac:dyDescent="0.2">
      <c r="AF35" s="76">
        <v>2</v>
      </c>
      <c r="AG35" s="77">
        <v>180096</v>
      </c>
      <c r="AH35" s="77">
        <v>202307</v>
      </c>
      <c r="AI35" s="77">
        <v>213028</v>
      </c>
      <c r="AJ35" s="77">
        <v>415335</v>
      </c>
    </row>
    <row r="36" spans="2:36" hidden="1" x14ac:dyDescent="0.2">
      <c r="AF36" s="76">
        <v>3</v>
      </c>
      <c r="AG36" s="77">
        <v>180388</v>
      </c>
      <c r="AH36" s="77">
        <v>201988</v>
      </c>
      <c r="AI36" s="77">
        <v>212671</v>
      </c>
      <c r="AJ36" s="77">
        <v>414659</v>
      </c>
    </row>
    <row r="37" spans="2:36" hidden="1" x14ac:dyDescent="0.2">
      <c r="AF37" s="76">
        <v>4</v>
      </c>
      <c r="AG37" s="77">
        <v>181010</v>
      </c>
      <c r="AH37" s="77">
        <v>202238</v>
      </c>
      <c r="AI37" s="77">
        <v>212733</v>
      </c>
      <c r="AJ37" s="77">
        <v>414971</v>
      </c>
    </row>
    <row r="38" spans="2:36" hidden="1" x14ac:dyDescent="0.2">
      <c r="AF38" s="76">
        <v>5</v>
      </c>
      <c r="AG38" s="77">
        <v>180997</v>
      </c>
      <c r="AH38" s="77">
        <v>202184</v>
      </c>
      <c r="AI38" s="77">
        <v>212582</v>
      </c>
      <c r="AJ38" s="77">
        <v>414766</v>
      </c>
    </row>
    <row r="39" spans="2:36" hidden="1" x14ac:dyDescent="0.2">
      <c r="AF39" s="76">
        <v>6</v>
      </c>
      <c r="AG39" s="77">
        <v>181142</v>
      </c>
      <c r="AH39" s="77">
        <v>202169</v>
      </c>
      <c r="AI39" s="77">
        <v>212536</v>
      </c>
      <c r="AJ39" s="77">
        <v>414705</v>
      </c>
    </row>
    <row r="40" spans="2:36" hidden="1" x14ac:dyDescent="0.2">
      <c r="AF40" s="76">
        <v>7</v>
      </c>
      <c r="AG40" s="77">
        <v>181227</v>
      </c>
      <c r="AH40" s="77">
        <v>202089</v>
      </c>
      <c r="AI40" s="77">
        <v>212484</v>
      </c>
      <c r="AJ40" s="77">
        <v>414573</v>
      </c>
    </row>
    <row r="41" spans="2:36" hidden="1" x14ac:dyDescent="0.2">
      <c r="AF41" s="76">
        <v>8</v>
      </c>
      <c r="AG41" s="77" t="s">
        <v>29</v>
      </c>
      <c r="AH41" s="77" t="s">
        <v>29</v>
      </c>
      <c r="AI41" s="77" t="s">
        <v>29</v>
      </c>
      <c r="AJ41" s="77">
        <v>0</v>
      </c>
    </row>
    <row r="42" spans="2:36" hidden="1" x14ac:dyDescent="0.2">
      <c r="AF42" s="76">
        <v>9</v>
      </c>
      <c r="AG42" s="77" t="s">
        <v>29</v>
      </c>
      <c r="AH42" s="77" t="s">
        <v>29</v>
      </c>
      <c r="AI42" s="77" t="s">
        <v>29</v>
      </c>
      <c r="AJ42" s="77">
        <v>0</v>
      </c>
    </row>
    <row r="43" spans="2:36" hidden="1" x14ac:dyDescent="0.2">
      <c r="AF43" s="76">
        <v>10</v>
      </c>
      <c r="AG43" s="77" t="s">
        <v>29</v>
      </c>
      <c r="AH43" s="77" t="s">
        <v>29</v>
      </c>
      <c r="AI43" s="77" t="s">
        <v>29</v>
      </c>
      <c r="AJ43" s="77">
        <v>0</v>
      </c>
    </row>
    <row r="44" spans="2:36" hidden="1" x14ac:dyDescent="0.2">
      <c r="AF44" s="76">
        <v>11</v>
      </c>
      <c r="AG44" s="77" t="s">
        <v>29</v>
      </c>
      <c r="AH44" s="77" t="s">
        <v>29</v>
      </c>
      <c r="AI44" s="77" t="s">
        <v>29</v>
      </c>
      <c r="AJ44" s="77">
        <v>0</v>
      </c>
    </row>
    <row r="45" spans="2:36" hidden="1" x14ac:dyDescent="0.2">
      <c r="AF45" s="76">
        <v>12</v>
      </c>
      <c r="AG45" s="77" t="s">
        <v>29</v>
      </c>
      <c r="AH45" s="77" t="s">
        <v>29</v>
      </c>
      <c r="AI45" s="77" t="s">
        <v>29</v>
      </c>
      <c r="AJ45" s="77">
        <v>0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67" orientation="landscape" blackAndWhite="1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0-08-04T01:55:21Z</dcterms:created>
  <dcterms:modified xsi:type="dcterms:W3CDTF">2020-08-04T01:55:22Z</dcterms:modified>
</cp:coreProperties>
</file>